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5"/>
  </p:sldMasterIdLst>
  <p:notesMasterIdLst>
    <p:notesMasterId r:id="rId7"/>
  </p:notesMasterIdLst>
  <p:sldIdLst>
    <p:sldId id="256" r:id="rId6"/>
  </p:sldIdLst>
  <p:sldSz cx="15119350" cy="21383625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875956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1751912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2627867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3503824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4379780" algn="l" defTabSz="1751912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5255735" algn="l" defTabSz="1751912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6131692" algn="l" defTabSz="1751912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7007648" algn="l" defTabSz="1751912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5" name="Author" initials="A" lastIdx="0" clrIdx="4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CC00FF"/>
    <a:srgbClr val="FF99FF"/>
    <a:srgbClr val="006600"/>
    <a:srgbClr val="FFCC00"/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7E66F3-01CF-475D-99D7-BD906D38E0D1}" v="55" dt="2022-01-21T15:07:47.60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60"/>
  </p:normalViewPr>
  <p:slideViewPr>
    <p:cSldViewPr snapToGrid="0">
      <p:cViewPr varScale="1">
        <p:scale>
          <a:sx n="38" d="100"/>
          <a:sy n="38" d="100"/>
        </p:scale>
        <p:origin x="1110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ommentAuthors" Target="commentAuthors.xml"/><Relationship Id="rId13" Type="http://schemas.microsoft.com/office/2015/10/relationships/revisionInfo" Target="revisionInfo.xml"/><Relationship Id="rId3" Type="http://schemas.openxmlformats.org/officeDocument/2006/relationships/customXml" Target="../customXml/item3.xml"/><Relationship Id="rId7" Type="http://schemas.openxmlformats.org/officeDocument/2006/relationships/notesMaster" Target="notesMasters/notesMaster1.xml"/><Relationship Id="rId12" Type="http://schemas.openxmlformats.org/officeDocument/2006/relationships/tableStyles" Target="table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theme" Target="theme/theme1.xml"/><Relationship Id="rId5" Type="http://schemas.openxmlformats.org/officeDocument/2006/relationships/slideMaster" Target="slideMasters/slideMaster1.xml"/><Relationship Id="rId10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22-9-2023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2338388" y="1143000"/>
            <a:ext cx="2181225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#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2299" kern="1200">
        <a:solidFill>
          <a:schemeClr val="tx1"/>
        </a:solidFill>
        <a:latin typeface="+mn-lt"/>
        <a:ea typeface="+mn-ea"/>
        <a:cs typeface="+mn-cs"/>
      </a:defRPr>
    </a:lvl1pPr>
    <a:lvl2pPr marL="875956" algn="l" rtl="0" eaLnBrk="0" fontAlgn="base" hangingPunct="0">
      <a:spcBef>
        <a:spcPct val="30000"/>
      </a:spcBef>
      <a:spcAft>
        <a:spcPct val="0"/>
      </a:spcAft>
      <a:defRPr sz="2299" kern="1200">
        <a:solidFill>
          <a:schemeClr val="tx1"/>
        </a:solidFill>
        <a:latin typeface="+mn-lt"/>
        <a:ea typeface="+mn-ea"/>
        <a:cs typeface="+mn-cs"/>
      </a:defRPr>
    </a:lvl2pPr>
    <a:lvl3pPr marL="1751912" algn="l" rtl="0" eaLnBrk="0" fontAlgn="base" hangingPunct="0">
      <a:spcBef>
        <a:spcPct val="30000"/>
      </a:spcBef>
      <a:spcAft>
        <a:spcPct val="0"/>
      </a:spcAft>
      <a:defRPr sz="2299" kern="1200">
        <a:solidFill>
          <a:schemeClr val="tx1"/>
        </a:solidFill>
        <a:latin typeface="+mn-lt"/>
        <a:ea typeface="+mn-ea"/>
        <a:cs typeface="+mn-cs"/>
      </a:defRPr>
    </a:lvl3pPr>
    <a:lvl4pPr marL="2627867" algn="l" rtl="0" eaLnBrk="0" fontAlgn="base" hangingPunct="0">
      <a:spcBef>
        <a:spcPct val="30000"/>
      </a:spcBef>
      <a:spcAft>
        <a:spcPct val="0"/>
      </a:spcAft>
      <a:defRPr sz="2299" kern="1200">
        <a:solidFill>
          <a:schemeClr val="tx1"/>
        </a:solidFill>
        <a:latin typeface="+mn-lt"/>
        <a:ea typeface="+mn-ea"/>
        <a:cs typeface="+mn-cs"/>
      </a:defRPr>
    </a:lvl4pPr>
    <a:lvl5pPr marL="3503824" algn="l" rtl="0" eaLnBrk="0" fontAlgn="base" hangingPunct="0">
      <a:spcBef>
        <a:spcPct val="30000"/>
      </a:spcBef>
      <a:spcAft>
        <a:spcPct val="0"/>
      </a:spcAft>
      <a:defRPr sz="2299" kern="1200">
        <a:solidFill>
          <a:schemeClr val="tx1"/>
        </a:solidFill>
        <a:latin typeface="+mn-lt"/>
        <a:ea typeface="+mn-ea"/>
        <a:cs typeface="+mn-cs"/>
      </a:defRPr>
    </a:lvl5pPr>
    <a:lvl6pPr marL="4379780" algn="l" defTabSz="1751912" rtl="0" eaLnBrk="1" latinLnBrk="0" hangingPunct="1">
      <a:defRPr sz="2299" kern="1200">
        <a:solidFill>
          <a:schemeClr val="tx1"/>
        </a:solidFill>
        <a:latin typeface="+mn-lt"/>
        <a:ea typeface="+mn-ea"/>
        <a:cs typeface="+mn-cs"/>
      </a:defRPr>
    </a:lvl6pPr>
    <a:lvl7pPr marL="5255735" algn="l" defTabSz="1751912" rtl="0" eaLnBrk="1" latinLnBrk="0" hangingPunct="1">
      <a:defRPr sz="2299" kern="1200">
        <a:solidFill>
          <a:schemeClr val="tx1"/>
        </a:solidFill>
        <a:latin typeface="+mn-lt"/>
        <a:ea typeface="+mn-ea"/>
        <a:cs typeface="+mn-cs"/>
      </a:defRPr>
    </a:lvl7pPr>
    <a:lvl8pPr marL="6131692" algn="l" defTabSz="1751912" rtl="0" eaLnBrk="1" latinLnBrk="0" hangingPunct="1">
      <a:defRPr sz="2299" kern="1200">
        <a:solidFill>
          <a:schemeClr val="tx1"/>
        </a:solidFill>
        <a:latin typeface="+mn-lt"/>
        <a:ea typeface="+mn-ea"/>
        <a:cs typeface="+mn-cs"/>
      </a:defRPr>
    </a:lvl8pPr>
    <a:lvl9pPr marL="7007648" algn="l" defTabSz="1751912" rtl="0" eaLnBrk="1" latinLnBrk="0" hangingPunct="1">
      <a:defRPr sz="2299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83529" y="976162"/>
            <a:ext cx="11820274" cy="7444669"/>
          </a:xfrm>
        </p:spPr>
        <p:txBody>
          <a:bodyPr anchor="b">
            <a:noAutofit/>
          </a:bodyPr>
          <a:lstStyle>
            <a:lvl1pPr algn="l">
              <a:defRPr sz="4238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83529" y="8970098"/>
            <a:ext cx="11820274" cy="5162758"/>
          </a:xfrm>
        </p:spPr>
        <p:txBody>
          <a:bodyPr/>
          <a:lstStyle>
            <a:lvl1pPr marL="0" indent="0" algn="l">
              <a:buNone/>
              <a:defRPr sz="1695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22920" indent="0" algn="ctr">
              <a:buNone/>
              <a:defRPr sz="1413"/>
            </a:lvl2pPr>
            <a:lvl3pPr marL="645841" indent="0" algn="ctr">
              <a:buNone/>
              <a:defRPr sz="1271"/>
            </a:lvl3pPr>
            <a:lvl4pPr marL="968761" indent="0" algn="ctr">
              <a:buNone/>
              <a:defRPr sz="1130"/>
            </a:lvl4pPr>
            <a:lvl5pPr marL="1291681" indent="0" algn="ctr">
              <a:buNone/>
              <a:defRPr sz="1130"/>
            </a:lvl5pPr>
            <a:lvl6pPr marL="1614602" indent="0" algn="ctr">
              <a:buNone/>
              <a:defRPr sz="1130"/>
            </a:lvl6pPr>
            <a:lvl7pPr marL="1937522" indent="0" algn="ctr">
              <a:buNone/>
              <a:defRPr sz="1130"/>
            </a:lvl7pPr>
            <a:lvl8pPr marL="2260443" indent="0" algn="ctr">
              <a:buNone/>
              <a:defRPr sz="1130"/>
            </a:lvl8pPr>
            <a:lvl9pPr marL="2583363" indent="0" algn="ctr">
              <a:buNone/>
              <a:defRPr sz="113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83530" y="22343840"/>
            <a:ext cx="1031895" cy="168379"/>
          </a:xfrm>
        </p:spPr>
        <p:txBody>
          <a:bodyPr/>
          <a:lstStyle/>
          <a:p>
            <a:fld id="{0FBDD9FE-454E-427B-A3A1-00EEA30AE87E}" type="datetime1">
              <a:rPr lang="en-GB" smtClean="0"/>
              <a:t>22/09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37485" y="22343837"/>
            <a:ext cx="10781780" cy="168379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2841324" y="22343844"/>
            <a:ext cx="602690" cy="168379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85585" y="5669161"/>
            <a:ext cx="6233734" cy="2569003"/>
          </a:xfrm>
        </p:spPr>
        <p:txBody>
          <a:bodyPr anchor="b"/>
          <a:lstStyle>
            <a:lvl1pPr marL="0" indent="0">
              <a:buNone/>
              <a:defRPr sz="1695" b="1"/>
            </a:lvl1pPr>
            <a:lvl2pPr marL="322920" indent="0">
              <a:buNone/>
              <a:defRPr sz="1413" b="1"/>
            </a:lvl2pPr>
            <a:lvl3pPr marL="645841" indent="0">
              <a:buNone/>
              <a:defRPr sz="1271" b="1"/>
            </a:lvl3pPr>
            <a:lvl4pPr marL="968761" indent="0">
              <a:buNone/>
              <a:defRPr sz="1130" b="1"/>
            </a:lvl4pPr>
            <a:lvl5pPr marL="1291681" indent="0">
              <a:buNone/>
              <a:defRPr sz="1130" b="1"/>
            </a:lvl5pPr>
            <a:lvl6pPr marL="1614602" indent="0">
              <a:buNone/>
              <a:defRPr sz="1130" b="1"/>
            </a:lvl6pPr>
            <a:lvl7pPr marL="1937522" indent="0">
              <a:buNone/>
              <a:defRPr sz="1130" b="1"/>
            </a:lvl7pPr>
            <a:lvl8pPr marL="2260443" indent="0">
              <a:buNone/>
              <a:defRPr sz="1130" b="1"/>
            </a:lvl8pPr>
            <a:lvl9pPr marL="2583363" indent="0">
              <a:buNone/>
              <a:defRPr sz="113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7208267" y="5669161"/>
            <a:ext cx="6235747" cy="2569003"/>
          </a:xfrm>
        </p:spPr>
        <p:txBody>
          <a:bodyPr anchor="b"/>
          <a:lstStyle>
            <a:lvl1pPr marL="0" indent="0">
              <a:buNone/>
              <a:defRPr sz="1695" b="1"/>
            </a:lvl1pPr>
            <a:lvl2pPr marL="322920" indent="0">
              <a:buNone/>
              <a:defRPr sz="1413" b="1"/>
            </a:lvl2pPr>
            <a:lvl3pPr marL="645841" indent="0">
              <a:buNone/>
              <a:defRPr sz="1271" b="1"/>
            </a:lvl3pPr>
            <a:lvl4pPr marL="968761" indent="0">
              <a:buNone/>
              <a:defRPr sz="1130" b="1"/>
            </a:lvl4pPr>
            <a:lvl5pPr marL="1291681" indent="0">
              <a:buNone/>
              <a:defRPr sz="1130" b="1"/>
            </a:lvl5pPr>
            <a:lvl6pPr marL="1614602" indent="0">
              <a:buNone/>
              <a:defRPr sz="1130" b="1"/>
            </a:lvl6pPr>
            <a:lvl7pPr marL="1937522" indent="0">
              <a:buNone/>
              <a:defRPr sz="1130" b="1"/>
            </a:lvl7pPr>
            <a:lvl8pPr marL="2260443" indent="0">
              <a:buNone/>
              <a:defRPr sz="1130" b="1"/>
            </a:lvl8pPr>
            <a:lvl9pPr marL="2583363" indent="0">
              <a:buNone/>
              <a:defRPr sz="113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783531" y="8238166"/>
            <a:ext cx="6235746" cy="10027012"/>
          </a:xfrm>
        </p:spPr>
        <p:txBody>
          <a:bodyPr/>
          <a:lstStyle>
            <a:lvl1pPr>
              <a:defRPr sz="1695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7208267" y="8238166"/>
            <a:ext cx="6235747" cy="10027012"/>
          </a:xfrm>
        </p:spPr>
        <p:txBody>
          <a:bodyPr/>
          <a:lstStyle>
            <a:lvl1pPr>
              <a:defRPr sz="1695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83530" y="2888905"/>
            <a:ext cx="12660487" cy="1780541"/>
          </a:xfrm>
        </p:spPr>
        <p:txBody>
          <a:bodyPr/>
          <a:lstStyle>
            <a:lvl1pPr marL="0" indent="0" algn="l">
              <a:buNone/>
              <a:defRPr sz="1695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22920" indent="0" algn="ctr">
              <a:buNone/>
              <a:defRPr sz="1413"/>
            </a:lvl2pPr>
            <a:lvl3pPr marL="645841" indent="0" algn="ctr">
              <a:buNone/>
              <a:defRPr sz="1271"/>
            </a:lvl3pPr>
            <a:lvl4pPr marL="968761" indent="0" algn="ctr">
              <a:buNone/>
              <a:defRPr sz="1130"/>
            </a:lvl4pPr>
            <a:lvl5pPr marL="1291681" indent="0" algn="ctr">
              <a:buNone/>
              <a:defRPr sz="1130"/>
            </a:lvl5pPr>
            <a:lvl6pPr marL="1614602" indent="0" algn="ctr">
              <a:buNone/>
              <a:defRPr sz="1130"/>
            </a:lvl6pPr>
            <a:lvl7pPr marL="1937522" indent="0" algn="ctr">
              <a:buNone/>
              <a:defRPr sz="1130"/>
            </a:lvl7pPr>
            <a:lvl8pPr marL="2260443" indent="0" algn="ctr">
              <a:buNone/>
              <a:defRPr sz="1130"/>
            </a:lvl8pPr>
            <a:lvl9pPr marL="2583363" indent="0" algn="ctr">
              <a:buNone/>
              <a:defRPr sz="113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22-9-2023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1"/>
            <a:ext cx="15119350" cy="21383625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95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783530" y="22343840"/>
            <a:ext cx="1031895" cy="168379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22-9-2023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37485" y="22343837"/>
            <a:ext cx="10781780" cy="168379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2841324" y="22343844"/>
            <a:ext cx="602690" cy="168379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3711360" y="19714514"/>
            <a:ext cx="1131921" cy="1121858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83530" y="2888905"/>
            <a:ext cx="12660487" cy="1780541"/>
          </a:xfrm>
        </p:spPr>
        <p:txBody>
          <a:bodyPr/>
          <a:lstStyle>
            <a:lvl1pPr marL="0" indent="0" algn="l">
              <a:buNone/>
              <a:defRPr sz="1695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22920" indent="0" algn="ctr">
              <a:buNone/>
              <a:defRPr sz="1413"/>
            </a:lvl2pPr>
            <a:lvl3pPr marL="645841" indent="0" algn="ctr">
              <a:buNone/>
              <a:defRPr sz="1271"/>
            </a:lvl3pPr>
            <a:lvl4pPr marL="968761" indent="0" algn="ctr">
              <a:buNone/>
              <a:defRPr sz="1130"/>
            </a:lvl4pPr>
            <a:lvl5pPr marL="1291681" indent="0" algn="ctr">
              <a:buNone/>
              <a:defRPr sz="1130"/>
            </a:lvl5pPr>
            <a:lvl6pPr marL="1614602" indent="0" algn="ctr">
              <a:buNone/>
              <a:defRPr sz="1130"/>
            </a:lvl6pPr>
            <a:lvl7pPr marL="1937522" indent="0" algn="ctr">
              <a:buNone/>
              <a:defRPr sz="1130"/>
            </a:lvl7pPr>
            <a:lvl8pPr marL="2260443" indent="0" algn="ctr">
              <a:buNone/>
              <a:defRPr sz="1130"/>
            </a:lvl8pPr>
            <a:lvl9pPr marL="2583363" indent="0" algn="ctr">
              <a:buNone/>
              <a:defRPr sz="113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22-9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22-9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-3025961" y="2995590"/>
            <a:ext cx="17804007" cy="11787525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83529" y="976162"/>
            <a:ext cx="11820274" cy="7444669"/>
          </a:xfrm>
        </p:spPr>
        <p:txBody>
          <a:bodyPr anchor="b">
            <a:noAutofit/>
          </a:bodyPr>
          <a:lstStyle>
            <a:lvl1pPr algn="l">
              <a:defRPr sz="4238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83529" y="8970098"/>
            <a:ext cx="11820274" cy="5162758"/>
          </a:xfrm>
        </p:spPr>
        <p:txBody>
          <a:bodyPr/>
          <a:lstStyle>
            <a:lvl1pPr marL="0" indent="0" algn="l">
              <a:buNone/>
              <a:defRPr sz="1695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22920" indent="0" algn="ctr">
              <a:buNone/>
              <a:defRPr sz="1413"/>
            </a:lvl2pPr>
            <a:lvl3pPr marL="645841" indent="0" algn="ctr">
              <a:buNone/>
              <a:defRPr sz="1271"/>
            </a:lvl3pPr>
            <a:lvl4pPr marL="968761" indent="0" algn="ctr">
              <a:buNone/>
              <a:defRPr sz="1130"/>
            </a:lvl4pPr>
            <a:lvl5pPr marL="1291681" indent="0" algn="ctr">
              <a:buNone/>
              <a:defRPr sz="1130"/>
            </a:lvl5pPr>
            <a:lvl6pPr marL="1614602" indent="0" algn="ctr">
              <a:buNone/>
              <a:defRPr sz="1130"/>
            </a:lvl6pPr>
            <a:lvl7pPr marL="1937522" indent="0" algn="ctr">
              <a:buNone/>
              <a:defRPr sz="1130"/>
            </a:lvl7pPr>
            <a:lvl8pPr marL="2260443" indent="0" algn="ctr">
              <a:buNone/>
              <a:defRPr sz="1130"/>
            </a:lvl8pPr>
            <a:lvl9pPr marL="2583363" indent="0" algn="ctr">
              <a:buNone/>
              <a:defRPr sz="113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549061" y="18125904"/>
            <a:ext cx="2452957" cy="319832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71881" y="18834516"/>
            <a:ext cx="12468082" cy="1575279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83530" y="22343840"/>
            <a:ext cx="1031895" cy="168379"/>
          </a:xfrm>
        </p:spPr>
        <p:txBody>
          <a:bodyPr/>
          <a:lstStyle/>
          <a:p>
            <a:fld id="{2003B1D3-F118-4DC2-9C13-CFA16C6DBB7D}" type="datetime1">
              <a:rPr lang="en-GB" smtClean="0"/>
              <a:t>22/09/2023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37485" y="22343837"/>
            <a:ext cx="10781780" cy="168379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2841324" y="22343844"/>
            <a:ext cx="602690" cy="168379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75" y="108"/>
            <a:ext cx="12841249" cy="21383522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3362216" y="104"/>
            <a:ext cx="11778481" cy="21383525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1413"/>
            </a:lvl1pPr>
          </a:lstStyle>
          <a:p>
            <a:endParaRPr lang="en-GB" sz="1978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1978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1978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1978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1978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1978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1978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1978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1978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1978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1978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1978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r>
              <a:rPr lang="en-GB" sz="1978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1978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1978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1978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1978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1978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1978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83529" y="976162"/>
            <a:ext cx="11820274" cy="7444669"/>
          </a:xfrm>
        </p:spPr>
        <p:txBody>
          <a:bodyPr anchor="b">
            <a:noAutofit/>
          </a:bodyPr>
          <a:lstStyle>
            <a:lvl1pPr algn="l">
              <a:defRPr sz="4238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83529" y="8970098"/>
            <a:ext cx="11820274" cy="5162758"/>
          </a:xfrm>
        </p:spPr>
        <p:txBody>
          <a:bodyPr/>
          <a:lstStyle>
            <a:lvl1pPr marL="0" indent="0" algn="l">
              <a:buNone/>
              <a:defRPr sz="1695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22920" indent="0" algn="ctr">
              <a:buNone/>
              <a:defRPr sz="1413"/>
            </a:lvl2pPr>
            <a:lvl3pPr marL="645841" indent="0" algn="ctr">
              <a:buNone/>
              <a:defRPr sz="1271"/>
            </a:lvl3pPr>
            <a:lvl4pPr marL="968761" indent="0" algn="ctr">
              <a:buNone/>
              <a:defRPr sz="1130"/>
            </a:lvl4pPr>
            <a:lvl5pPr marL="1291681" indent="0" algn="ctr">
              <a:buNone/>
              <a:defRPr sz="1130"/>
            </a:lvl5pPr>
            <a:lvl6pPr marL="1614602" indent="0" algn="ctr">
              <a:buNone/>
              <a:defRPr sz="1130"/>
            </a:lvl6pPr>
            <a:lvl7pPr marL="1937522" indent="0" algn="ctr">
              <a:buNone/>
              <a:defRPr sz="1130"/>
            </a:lvl7pPr>
            <a:lvl8pPr marL="2260443" indent="0" algn="ctr">
              <a:buNone/>
              <a:defRPr sz="1130"/>
            </a:lvl8pPr>
            <a:lvl9pPr marL="2583363" indent="0" algn="ctr">
              <a:buNone/>
              <a:defRPr sz="113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83530" y="22343840"/>
            <a:ext cx="1031895" cy="168379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22-9-2023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37485" y="22343837"/>
            <a:ext cx="10781780" cy="168379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2841324" y="22343844"/>
            <a:ext cx="602690" cy="168379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2796601" y="18789869"/>
            <a:ext cx="1942799" cy="1925521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6675282" y="160548"/>
            <a:ext cx="8444072" cy="21223080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271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83529" y="5539377"/>
            <a:ext cx="9191540" cy="2787906"/>
          </a:xfrm>
        </p:spPr>
        <p:txBody>
          <a:bodyPr anchor="t">
            <a:noAutofit/>
          </a:bodyPr>
          <a:lstStyle>
            <a:lvl1pPr algn="l">
              <a:defRPr sz="4238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8890950" y="-1077954"/>
            <a:ext cx="8806" cy="2214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71881" y="18834516"/>
            <a:ext cx="12468082" cy="1575279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83529" y="8600022"/>
            <a:ext cx="9191540" cy="3763949"/>
          </a:xfrm>
        </p:spPr>
        <p:txBody>
          <a:bodyPr anchor="b"/>
          <a:lstStyle>
            <a:lvl1pPr marL="0" indent="0" algn="l">
              <a:buNone/>
              <a:defRPr sz="1695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22920" indent="0" algn="ctr">
              <a:buNone/>
              <a:defRPr sz="1413"/>
            </a:lvl2pPr>
            <a:lvl3pPr marL="645841" indent="0" algn="ctr">
              <a:buNone/>
              <a:defRPr sz="1271"/>
            </a:lvl3pPr>
            <a:lvl4pPr marL="968761" indent="0" algn="ctr">
              <a:buNone/>
              <a:defRPr sz="1130"/>
            </a:lvl4pPr>
            <a:lvl5pPr marL="1291681" indent="0" algn="ctr">
              <a:buNone/>
              <a:defRPr sz="1130"/>
            </a:lvl5pPr>
            <a:lvl6pPr marL="1614602" indent="0" algn="ctr">
              <a:buNone/>
              <a:defRPr sz="1130"/>
            </a:lvl6pPr>
            <a:lvl7pPr marL="1937522" indent="0" algn="ctr">
              <a:buNone/>
              <a:defRPr sz="1130"/>
            </a:lvl7pPr>
            <a:lvl8pPr marL="2260443" indent="0" algn="ctr">
              <a:buNone/>
              <a:defRPr sz="1130"/>
            </a:lvl8pPr>
            <a:lvl9pPr marL="2583363" indent="0" algn="ctr">
              <a:buNone/>
              <a:defRPr sz="113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85732" y="12549550"/>
            <a:ext cx="5348321" cy="1436800"/>
          </a:xfrm>
        </p:spPr>
        <p:txBody>
          <a:bodyPr/>
          <a:lstStyle>
            <a:lvl1pPr marL="0" indent="0">
              <a:buNone/>
              <a:defRPr sz="1695" b="1">
                <a:solidFill>
                  <a:schemeClr val="accent4"/>
                </a:solidFill>
              </a:defRPr>
            </a:lvl1pPr>
            <a:lvl2pPr marL="322920" indent="0">
              <a:buNone/>
              <a:defRPr/>
            </a:lvl2pPr>
            <a:lvl3pPr marL="645841" indent="0">
              <a:buNone/>
              <a:defRPr/>
            </a:lvl3pPr>
            <a:lvl4pPr marL="968761" indent="0">
              <a:buNone/>
              <a:defRPr/>
            </a:lvl4pPr>
            <a:lvl5pPr marL="1291681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2796601" y="18789869"/>
            <a:ext cx="1942799" cy="1925521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3531" y="5331061"/>
            <a:ext cx="12660485" cy="8894992"/>
          </a:xfrm>
        </p:spPr>
        <p:txBody>
          <a:bodyPr anchor="b"/>
          <a:lstStyle>
            <a:lvl1pPr>
              <a:defRPr sz="4238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83531" y="14310203"/>
            <a:ext cx="12660485" cy="4677667"/>
          </a:xfrm>
        </p:spPr>
        <p:txBody>
          <a:bodyPr/>
          <a:lstStyle>
            <a:lvl1pPr marL="0" indent="0">
              <a:buNone/>
              <a:defRPr sz="1695">
                <a:solidFill>
                  <a:schemeClr val="accent2"/>
                </a:solidFill>
              </a:defRPr>
            </a:lvl1pPr>
            <a:lvl2pPr marL="322920" indent="0">
              <a:buNone/>
              <a:defRPr sz="1413">
                <a:solidFill>
                  <a:schemeClr val="tx1">
                    <a:tint val="75000"/>
                  </a:schemeClr>
                </a:solidFill>
              </a:defRPr>
            </a:lvl2pPr>
            <a:lvl3pPr marL="645841" indent="0">
              <a:buNone/>
              <a:defRPr sz="1271">
                <a:solidFill>
                  <a:schemeClr val="tx1">
                    <a:tint val="75000"/>
                  </a:schemeClr>
                </a:solidFill>
              </a:defRPr>
            </a:lvl3pPr>
            <a:lvl4pPr marL="968761" indent="0">
              <a:buNone/>
              <a:defRPr sz="1130">
                <a:solidFill>
                  <a:schemeClr val="tx1">
                    <a:tint val="75000"/>
                  </a:schemeClr>
                </a:solidFill>
              </a:defRPr>
            </a:lvl4pPr>
            <a:lvl5pPr marL="1291681" indent="0">
              <a:buNone/>
              <a:defRPr sz="1130">
                <a:solidFill>
                  <a:schemeClr val="tx1">
                    <a:tint val="75000"/>
                  </a:schemeClr>
                </a:solidFill>
              </a:defRPr>
            </a:lvl5pPr>
            <a:lvl6pPr marL="1614602" indent="0">
              <a:buNone/>
              <a:defRPr sz="1130">
                <a:solidFill>
                  <a:schemeClr val="tx1">
                    <a:tint val="75000"/>
                  </a:schemeClr>
                </a:solidFill>
              </a:defRPr>
            </a:lvl6pPr>
            <a:lvl7pPr marL="1937522" indent="0">
              <a:buNone/>
              <a:defRPr sz="1130">
                <a:solidFill>
                  <a:schemeClr val="tx1">
                    <a:tint val="75000"/>
                  </a:schemeClr>
                </a:solidFill>
              </a:defRPr>
            </a:lvl7pPr>
            <a:lvl8pPr marL="2260443" indent="0">
              <a:buNone/>
              <a:defRPr sz="1130">
                <a:solidFill>
                  <a:schemeClr val="tx1">
                    <a:tint val="75000"/>
                  </a:schemeClr>
                </a:solidFill>
              </a:defRPr>
            </a:lvl8pPr>
            <a:lvl9pPr marL="2583363" indent="0">
              <a:buNone/>
              <a:defRPr sz="113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22/09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83530" y="2888905"/>
            <a:ext cx="12660487" cy="1780541"/>
          </a:xfrm>
        </p:spPr>
        <p:txBody>
          <a:bodyPr/>
          <a:lstStyle>
            <a:lvl1pPr marL="0" indent="0" algn="l">
              <a:buNone/>
              <a:defRPr sz="1695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22920" indent="0" algn="ctr">
              <a:buNone/>
              <a:defRPr sz="1413"/>
            </a:lvl2pPr>
            <a:lvl3pPr marL="645841" indent="0" algn="ctr">
              <a:buNone/>
              <a:defRPr sz="1271"/>
            </a:lvl3pPr>
            <a:lvl4pPr marL="968761" indent="0" algn="ctr">
              <a:buNone/>
              <a:defRPr sz="1130"/>
            </a:lvl4pPr>
            <a:lvl5pPr marL="1291681" indent="0" algn="ctr">
              <a:buNone/>
              <a:defRPr sz="1130"/>
            </a:lvl5pPr>
            <a:lvl6pPr marL="1614602" indent="0" algn="ctr">
              <a:buNone/>
              <a:defRPr sz="1130"/>
            </a:lvl6pPr>
            <a:lvl7pPr marL="1937522" indent="0" algn="ctr">
              <a:buNone/>
              <a:defRPr sz="1130"/>
            </a:lvl7pPr>
            <a:lvl8pPr marL="2260443" indent="0" algn="ctr">
              <a:buNone/>
              <a:defRPr sz="1130"/>
            </a:lvl8pPr>
            <a:lvl9pPr marL="2583363" indent="0" algn="ctr">
              <a:buNone/>
              <a:defRPr sz="113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83530" y="5692404"/>
            <a:ext cx="12660487" cy="12572780"/>
          </a:xfrm>
        </p:spPr>
        <p:txBody>
          <a:bodyPr/>
          <a:lstStyle>
            <a:lvl1pPr>
              <a:defRPr sz="989">
                <a:solidFill>
                  <a:schemeClr val="tx2"/>
                </a:solidFill>
              </a:defRPr>
            </a:lvl1pPr>
            <a:lvl2pPr>
              <a:defRPr sz="989">
                <a:solidFill>
                  <a:schemeClr val="tx2"/>
                </a:solidFill>
              </a:defRPr>
            </a:lvl2pPr>
            <a:lvl3pPr>
              <a:defRPr sz="989">
                <a:solidFill>
                  <a:schemeClr val="tx2"/>
                </a:solidFill>
              </a:defRPr>
            </a:lvl3pPr>
            <a:lvl4pPr>
              <a:defRPr sz="989">
                <a:solidFill>
                  <a:schemeClr val="tx2"/>
                </a:solidFill>
              </a:defRPr>
            </a:lvl4pPr>
            <a:lvl5pPr>
              <a:defRPr sz="989">
                <a:solidFill>
                  <a:schemeClr val="tx2"/>
                </a:solidFill>
              </a:defRPr>
            </a:lvl5pPr>
            <a:lvl6pPr>
              <a:defRPr sz="989">
                <a:solidFill>
                  <a:schemeClr val="tx2"/>
                </a:solidFill>
              </a:defRPr>
            </a:lvl6pPr>
            <a:lvl7pPr>
              <a:defRPr sz="989">
                <a:solidFill>
                  <a:schemeClr val="tx2"/>
                </a:solidFill>
              </a:defRPr>
            </a:lvl7pPr>
            <a:lvl8pPr>
              <a:defRPr sz="989">
                <a:solidFill>
                  <a:schemeClr val="tx2"/>
                </a:solidFill>
              </a:defRPr>
            </a:lvl8pPr>
            <a:lvl9pPr>
              <a:defRPr sz="989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22/09/2023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83530" y="5692402"/>
            <a:ext cx="6235789" cy="12572777"/>
          </a:xfrm>
        </p:spPr>
        <p:txBody>
          <a:bodyPr/>
          <a:lstStyle>
            <a:lvl1pPr>
              <a:defRPr sz="989">
                <a:solidFill>
                  <a:schemeClr val="tx2"/>
                </a:solidFill>
              </a:defRPr>
            </a:lvl1pPr>
            <a:lvl2pPr>
              <a:defRPr sz="989">
                <a:solidFill>
                  <a:schemeClr val="tx2"/>
                </a:solidFill>
              </a:defRPr>
            </a:lvl2pPr>
            <a:lvl3pPr>
              <a:defRPr sz="989">
                <a:solidFill>
                  <a:schemeClr val="tx2"/>
                </a:solidFill>
              </a:defRPr>
            </a:lvl3pPr>
            <a:lvl4pPr>
              <a:defRPr sz="989">
                <a:solidFill>
                  <a:schemeClr val="tx2"/>
                </a:solidFill>
              </a:defRPr>
            </a:lvl4pPr>
            <a:lvl5pPr>
              <a:defRPr sz="989">
                <a:solidFill>
                  <a:schemeClr val="tx2"/>
                </a:solidFill>
              </a:defRPr>
            </a:lvl5pPr>
            <a:lvl6pPr>
              <a:defRPr sz="989">
                <a:solidFill>
                  <a:schemeClr val="tx2"/>
                </a:solidFill>
              </a:defRPr>
            </a:lvl6pPr>
            <a:lvl7pPr>
              <a:defRPr sz="989">
                <a:solidFill>
                  <a:schemeClr val="tx2"/>
                </a:solidFill>
              </a:defRPr>
            </a:lvl7pPr>
            <a:lvl8pPr>
              <a:defRPr sz="989">
                <a:solidFill>
                  <a:schemeClr val="tx2"/>
                </a:solidFill>
              </a:defRPr>
            </a:lvl8pPr>
            <a:lvl9pPr>
              <a:defRPr sz="989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7208226" y="5692402"/>
            <a:ext cx="6235789" cy="12572777"/>
          </a:xfrm>
        </p:spPr>
        <p:txBody>
          <a:bodyPr/>
          <a:lstStyle>
            <a:lvl1pPr>
              <a:defRPr sz="989">
                <a:solidFill>
                  <a:schemeClr val="tx2"/>
                </a:solidFill>
              </a:defRPr>
            </a:lvl1pPr>
            <a:lvl2pPr>
              <a:defRPr sz="989">
                <a:solidFill>
                  <a:schemeClr val="tx2"/>
                </a:solidFill>
              </a:defRPr>
            </a:lvl2pPr>
            <a:lvl3pPr>
              <a:defRPr sz="989">
                <a:solidFill>
                  <a:schemeClr val="tx2"/>
                </a:solidFill>
              </a:defRPr>
            </a:lvl3pPr>
            <a:lvl4pPr>
              <a:defRPr sz="989">
                <a:solidFill>
                  <a:schemeClr val="tx2"/>
                </a:solidFill>
              </a:defRPr>
            </a:lvl4pPr>
            <a:lvl5pPr>
              <a:defRPr sz="989">
                <a:solidFill>
                  <a:schemeClr val="tx2"/>
                </a:solidFill>
              </a:defRPr>
            </a:lvl5pPr>
            <a:lvl6pPr>
              <a:defRPr sz="989">
                <a:solidFill>
                  <a:schemeClr val="tx2"/>
                </a:solidFill>
              </a:defRPr>
            </a:lvl6pPr>
            <a:lvl7pPr>
              <a:defRPr sz="989">
                <a:solidFill>
                  <a:schemeClr val="tx2"/>
                </a:solidFill>
              </a:defRPr>
            </a:lvl7pPr>
            <a:lvl8pPr>
              <a:defRPr sz="989">
                <a:solidFill>
                  <a:schemeClr val="tx2"/>
                </a:solidFill>
              </a:defRPr>
            </a:lvl8pPr>
            <a:lvl9pPr>
              <a:defRPr sz="989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83530" y="2888905"/>
            <a:ext cx="12660487" cy="1780541"/>
          </a:xfrm>
        </p:spPr>
        <p:txBody>
          <a:bodyPr/>
          <a:lstStyle>
            <a:lvl1pPr marL="0" indent="0" algn="l">
              <a:buNone/>
              <a:defRPr sz="1695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22920" indent="0" algn="ctr">
              <a:buNone/>
              <a:defRPr sz="1413"/>
            </a:lvl2pPr>
            <a:lvl3pPr marL="645841" indent="0" algn="ctr">
              <a:buNone/>
              <a:defRPr sz="1271"/>
            </a:lvl3pPr>
            <a:lvl4pPr marL="968761" indent="0" algn="ctr">
              <a:buNone/>
              <a:defRPr sz="1130"/>
            </a:lvl4pPr>
            <a:lvl5pPr marL="1291681" indent="0" algn="ctr">
              <a:buNone/>
              <a:defRPr sz="1130"/>
            </a:lvl5pPr>
            <a:lvl6pPr marL="1614602" indent="0" algn="ctr">
              <a:buNone/>
              <a:defRPr sz="1130"/>
            </a:lvl6pPr>
            <a:lvl7pPr marL="1937522" indent="0" algn="ctr">
              <a:buNone/>
              <a:defRPr sz="1130"/>
            </a:lvl7pPr>
            <a:lvl8pPr marL="2260443" indent="0" algn="ctr">
              <a:buNone/>
              <a:defRPr sz="1130"/>
            </a:lvl8pPr>
            <a:lvl9pPr marL="2583363" indent="0" algn="ctr">
              <a:buNone/>
              <a:defRPr sz="113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22/09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3530" y="1425575"/>
            <a:ext cx="5134280" cy="4989512"/>
          </a:xfrm>
        </p:spPr>
        <p:txBody>
          <a:bodyPr anchor="b">
            <a:normAutofit/>
          </a:bodyPr>
          <a:lstStyle>
            <a:lvl1pPr>
              <a:defRPr sz="2825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27694" y="1425579"/>
            <a:ext cx="7016321" cy="16849505"/>
          </a:xfrm>
        </p:spPr>
        <p:txBody>
          <a:bodyPr/>
          <a:lstStyle>
            <a:lvl1pPr>
              <a:defRPr sz="1695"/>
            </a:lvl1pPr>
            <a:lvl2pPr>
              <a:defRPr sz="1978"/>
            </a:lvl2pPr>
            <a:lvl3pPr>
              <a:defRPr sz="1695"/>
            </a:lvl3pPr>
            <a:lvl4pPr>
              <a:defRPr sz="1413"/>
            </a:lvl4pPr>
            <a:lvl5pPr>
              <a:defRPr sz="1413"/>
            </a:lvl5pPr>
            <a:lvl6pPr>
              <a:defRPr sz="1413"/>
            </a:lvl6pPr>
            <a:lvl7pPr>
              <a:defRPr sz="1413"/>
            </a:lvl7pPr>
            <a:lvl8pPr>
              <a:defRPr sz="1413"/>
            </a:lvl8pPr>
            <a:lvl9pPr>
              <a:defRPr sz="1413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783531" y="6415089"/>
            <a:ext cx="5134278" cy="11884743"/>
          </a:xfrm>
        </p:spPr>
        <p:txBody>
          <a:bodyPr/>
          <a:lstStyle>
            <a:lvl1pPr marL="0" indent="0">
              <a:buNone/>
              <a:defRPr sz="989"/>
            </a:lvl1pPr>
            <a:lvl2pPr marL="322920" indent="0">
              <a:buNone/>
              <a:defRPr sz="989"/>
            </a:lvl2pPr>
            <a:lvl3pPr marL="645841" indent="0">
              <a:buNone/>
              <a:defRPr sz="848"/>
            </a:lvl3pPr>
            <a:lvl4pPr marL="968761" indent="0">
              <a:buNone/>
              <a:defRPr sz="706"/>
            </a:lvl4pPr>
            <a:lvl5pPr marL="1291681" indent="0">
              <a:buNone/>
              <a:defRPr sz="706"/>
            </a:lvl5pPr>
            <a:lvl6pPr marL="1614602" indent="0">
              <a:buNone/>
              <a:defRPr sz="706"/>
            </a:lvl6pPr>
            <a:lvl7pPr marL="1937522" indent="0">
              <a:buNone/>
              <a:defRPr sz="706"/>
            </a:lvl7pPr>
            <a:lvl8pPr marL="2260443" indent="0">
              <a:buNone/>
              <a:defRPr sz="706"/>
            </a:lvl8pPr>
            <a:lvl9pPr marL="2583363" indent="0">
              <a:buNone/>
              <a:defRPr sz="706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22/09/2023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6427694" y="1425579"/>
            <a:ext cx="7016321" cy="16849505"/>
          </a:xfrm>
        </p:spPr>
        <p:txBody>
          <a:bodyPr rtlCol="0">
            <a:normAutofit/>
          </a:bodyPr>
          <a:lstStyle>
            <a:lvl1pPr marL="0" indent="0">
              <a:buNone/>
              <a:defRPr sz="1695"/>
            </a:lvl1pPr>
            <a:lvl2pPr marL="322920" indent="0">
              <a:buNone/>
              <a:defRPr sz="1695"/>
            </a:lvl2pPr>
            <a:lvl3pPr marL="645841" indent="0">
              <a:buNone/>
              <a:defRPr sz="1695"/>
            </a:lvl3pPr>
            <a:lvl4pPr marL="968761" indent="0">
              <a:buNone/>
              <a:defRPr sz="1413"/>
            </a:lvl4pPr>
            <a:lvl5pPr marL="1291681" indent="0">
              <a:buNone/>
              <a:defRPr sz="1413"/>
            </a:lvl5pPr>
            <a:lvl6pPr marL="1614602" indent="0">
              <a:buNone/>
              <a:defRPr sz="1413"/>
            </a:lvl6pPr>
            <a:lvl7pPr marL="1937522" indent="0">
              <a:buNone/>
              <a:defRPr sz="1413"/>
            </a:lvl7pPr>
            <a:lvl8pPr marL="2260443" indent="0">
              <a:buNone/>
              <a:defRPr sz="1413"/>
            </a:lvl8pPr>
            <a:lvl9pPr marL="2583363" indent="0">
              <a:buNone/>
              <a:defRPr sz="1413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3530" y="1425575"/>
            <a:ext cx="5134280" cy="4989512"/>
          </a:xfrm>
        </p:spPr>
        <p:txBody>
          <a:bodyPr anchor="b">
            <a:normAutofit/>
          </a:bodyPr>
          <a:lstStyle>
            <a:lvl1pPr>
              <a:defRPr sz="2825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783531" y="6415089"/>
            <a:ext cx="5134278" cy="11884743"/>
          </a:xfrm>
        </p:spPr>
        <p:txBody>
          <a:bodyPr/>
          <a:lstStyle>
            <a:lvl1pPr marL="201825" indent="-201825">
              <a:buFont typeface="Arial" panose="020B0604020202020204" pitchFamily="34" charset="0"/>
              <a:buChar char="•"/>
              <a:defRPr sz="989"/>
            </a:lvl1pPr>
            <a:lvl2pPr marL="524746" indent="-201825">
              <a:buFont typeface="Arial" panose="020B0604020202020204" pitchFamily="34" charset="0"/>
              <a:buChar char="•"/>
              <a:defRPr sz="989"/>
            </a:lvl2pPr>
            <a:lvl3pPr marL="766936" indent="-121095">
              <a:buFont typeface="Arial" panose="020B0604020202020204" pitchFamily="34" charset="0"/>
              <a:buChar char="•"/>
              <a:defRPr sz="848"/>
            </a:lvl3pPr>
            <a:lvl4pPr marL="1089856" indent="-121095">
              <a:buFont typeface="Arial" panose="020B0604020202020204" pitchFamily="34" charset="0"/>
              <a:buChar char="•"/>
              <a:defRPr sz="706"/>
            </a:lvl4pPr>
            <a:lvl5pPr marL="1412777" indent="-121095">
              <a:buFont typeface="Arial" panose="020B0604020202020204" pitchFamily="34" charset="0"/>
              <a:buChar char="•"/>
              <a:defRPr sz="706"/>
            </a:lvl5pPr>
            <a:lvl6pPr marL="1614602" indent="0">
              <a:buNone/>
              <a:defRPr sz="706"/>
            </a:lvl6pPr>
            <a:lvl7pPr marL="1937522" indent="0">
              <a:buNone/>
              <a:defRPr sz="706"/>
            </a:lvl7pPr>
            <a:lvl8pPr marL="2260443" indent="0">
              <a:buNone/>
              <a:defRPr sz="706"/>
            </a:lvl8pPr>
            <a:lvl9pPr marL="2583363" indent="0">
              <a:buNone/>
              <a:defRPr sz="706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22/09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1495348" y="1440900"/>
            <a:ext cx="4880617" cy="1889919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3531" y="1138483"/>
            <a:ext cx="12660485" cy="20205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783531" y="5692400"/>
            <a:ext cx="12660485" cy="125727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3566075" y="19329415"/>
            <a:ext cx="1431219" cy="18661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83530" y="20214501"/>
            <a:ext cx="1031895" cy="16837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494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22-9-2023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937485" y="20214498"/>
            <a:ext cx="10781780" cy="16837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494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2841324" y="20214504"/>
            <a:ext cx="602690" cy="16837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494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2825" b="0" kern="1200" cap="all" spc="-106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3108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3108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3108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3108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32292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3108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645841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3108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968761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3108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291681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3108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161460" indent="-161460" algn="l" rtl="0" eaLnBrk="0" fontAlgn="base" hangingPunct="0">
        <a:lnSpc>
          <a:spcPct val="90000"/>
        </a:lnSpc>
        <a:spcBef>
          <a:spcPts val="706"/>
        </a:spcBef>
        <a:spcAft>
          <a:spcPct val="0"/>
        </a:spcAft>
        <a:buFont typeface="Arial" panose="020B0604020202020204" pitchFamily="34" charset="0"/>
        <a:buChar char="•"/>
        <a:defRPr sz="1978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484381" indent="-161460" algn="l" rtl="0" eaLnBrk="0" fontAlgn="base" hangingPunct="0">
        <a:lnSpc>
          <a:spcPct val="90000"/>
        </a:lnSpc>
        <a:spcBef>
          <a:spcPts val="353"/>
        </a:spcBef>
        <a:spcAft>
          <a:spcPct val="0"/>
        </a:spcAft>
        <a:buFont typeface="Arial" panose="020B0604020202020204" pitchFamily="34" charset="0"/>
        <a:buChar char="•"/>
        <a:defRPr sz="1695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807301" indent="-161460" algn="l" rtl="0" eaLnBrk="0" fontAlgn="base" hangingPunct="0">
        <a:lnSpc>
          <a:spcPct val="90000"/>
        </a:lnSpc>
        <a:spcBef>
          <a:spcPts val="353"/>
        </a:spcBef>
        <a:spcAft>
          <a:spcPct val="0"/>
        </a:spcAft>
        <a:buFont typeface="Arial" panose="020B0604020202020204" pitchFamily="34" charset="0"/>
        <a:buChar char="•"/>
        <a:defRPr sz="1413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130221" indent="-161460" algn="l" rtl="0" eaLnBrk="0" fontAlgn="base" hangingPunct="0">
        <a:lnSpc>
          <a:spcPct val="90000"/>
        </a:lnSpc>
        <a:spcBef>
          <a:spcPts val="353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1453142" indent="-161460" algn="l" rtl="0" eaLnBrk="0" fontAlgn="base" hangingPunct="0">
        <a:lnSpc>
          <a:spcPct val="90000"/>
        </a:lnSpc>
        <a:spcBef>
          <a:spcPts val="353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1776062" indent="-161460" algn="l" defTabSz="645841" rtl="0" eaLnBrk="1" latinLnBrk="0" hangingPunct="1">
        <a:lnSpc>
          <a:spcPct val="90000"/>
        </a:lnSpc>
        <a:spcBef>
          <a:spcPts val="353"/>
        </a:spcBef>
        <a:buFont typeface="Arial" panose="020B0604020202020204" pitchFamily="34" charset="0"/>
        <a:buChar char="•"/>
        <a:defRPr sz="1271" kern="1200">
          <a:solidFill>
            <a:schemeClr val="tx1"/>
          </a:solidFill>
          <a:latin typeface="+mn-lt"/>
          <a:ea typeface="+mn-ea"/>
          <a:cs typeface="+mn-cs"/>
        </a:defRPr>
      </a:lvl6pPr>
      <a:lvl7pPr marL="2098982" indent="-161460" algn="l" defTabSz="645841" rtl="0" eaLnBrk="1" latinLnBrk="0" hangingPunct="1">
        <a:lnSpc>
          <a:spcPct val="90000"/>
        </a:lnSpc>
        <a:spcBef>
          <a:spcPts val="353"/>
        </a:spcBef>
        <a:buFont typeface="Arial" panose="020B0604020202020204" pitchFamily="34" charset="0"/>
        <a:buChar char="•"/>
        <a:defRPr sz="1271" kern="1200">
          <a:solidFill>
            <a:schemeClr val="tx1"/>
          </a:solidFill>
          <a:latin typeface="+mn-lt"/>
          <a:ea typeface="+mn-ea"/>
          <a:cs typeface="+mn-cs"/>
        </a:defRPr>
      </a:lvl7pPr>
      <a:lvl8pPr marL="2421903" indent="-161460" algn="l" defTabSz="645841" rtl="0" eaLnBrk="1" latinLnBrk="0" hangingPunct="1">
        <a:lnSpc>
          <a:spcPct val="90000"/>
        </a:lnSpc>
        <a:spcBef>
          <a:spcPts val="353"/>
        </a:spcBef>
        <a:buFont typeface="Arial" panose="020B0604020202020204" pitchFamily="34" charset="0"/>
        <a:buChar char="•"/>
        <a:defRPr sz="1271" kern="1200">
          <a:solidFill>
            <a:schemeClr val="tx1"/>
          </a:solidFill>
          <a:latin typeface="+mn-lt"/>
          <a:ea typeface="+mn-ea"/>
          <a:cs typeface="+mn-cs"/>
        </a:defRPr>
      </a:lvl8pPr>
      <a:lvl9pPr marL="2744823" indent="-161460" algn="l" defTabSz="645841" rtl="0" eaLnBrk="1" latinLnBrk="0" hangingPunct="1">
        <a:lnSpc>
          <a:spcPct val="90000"/>
        </a:lnSpc>
        <a:spcBef>
          <a:spcPts val="353"/>
        </a:spcBef>
        <a:buFont typeface="Arial" panose="020B0604020202020204" pitchFamily="34" charset="0"/>
        <a:buChar char="•"/>
        <a:defRPr sz="1271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645841" rtl="0" eaLnBrk="1" latinLnBrk="0" hangingPunct="1">
        <a:defRPr sz="1271" kern="1200">
          <a:solidFill>
            <a:schemeClr val="tx1"/>
          </a:solidFill>
          <a:latin typeface="+mn-lt"/>
          <a:ea typeface="+mn-ea"/>
          <a:cs typeface="+mn-cs"/>
        </a:defRPr>
      </a:lvl1pPr>
      <a:lvl2pPr marL="322920" algn="l" defTabSz="645841" rtl="0" eaLnBrk="1" latinLnBrk="0" hangingPunct="1">
        <a:defRPr sz="1271" kern="1200">
          <a:solidFill>
            <a:schemeClr val="tx1"/>
          </a:solidFill>
          <a:latin typeface="+mn-lt"/>
          <a:ea typeface="+mn-ea"/>
          <a:cs typeface="+mn-cs"/>
        </a:defRPr>
      </a:lvl2pPr>
      <a:lvl3pPr marL="645841" algn="l" defTabSz="645841" rtl="0" eaLnBrk="1" latinLnBrk="0" hangingPunct="1">
        <a:defRPr sz="1271" kern="1200">
          <a:solidFill>
            <a:schemeClr val="tx1"/>
          </a:solidFill>
          <a:latin typeface="+mn-lt"/>
          <a:ea typeface="+mn-ea"/>
          <a:cs typeface="+mn-cs"/>
        </a:defRPr>
      </a:lvl3pPr>
      <a:lvl4pPr marL="968761" algn="l" defTabSz="645841" rtl="0" eaLnBrk="1" latinLnBrk="0" hangingPunct="1">
        <a:defRPr sz="1271" kern="1200">
          <a:solidFill>
            <a:schemeClr val="tx1"/>
          </a:solidFill>
          <a:latin typeface="+mn-lt"/>
          <a:ea typeface="+mn-ea"/>
          <a:cs typeface="+mn-cs"/>
        </a:defRPr>
      </a:lvl4pPr>
      <a:lvl5pPr marL="1291681" algn="l" defTabSz="645841" rtl="0" eaLnBrk="1" latinLnBrk="0" hangingPunct="1">
        <a:defRPr sz="1271" kern="1200">
          <a:solidFill>
            <a:schemeClr val="tx1"/>
          </a:solidFill>
          <a:latin typeface="+mn-lt"/>
          <a:ea typeface="+mn-ea"/>
          <a:cs typeface="+mn-cs"/>
        </a:defRPr>
      </a:lvl5pPr>
      <a:lvl6pPr marL="1614602" algn="l" defTabSz="645841" rtl="0" eaLnBrk="1" latinLnBrk="0" hangingPunct="1">
        <a:defRPr sz="1271" kern="1200">
          <a:solidFill>
            <a:schemeClr val="tx1"/>
          </a:solidFill>
          <a:latin typeface="+mn-lt"/>
          <a:ea typeface="+mn-ea"/>
          <a:cs typeface="+mn-cs"/>
        </a:defRPr>
      </a:lvl6pPr>
      <a:lvl7pPr marL="1937522" algn="l" defTabSz="645841" rtl="0" eaLnBrk="1" latinLnBrk="0" hangingPunct="1">
        <a:defRPr sz="1271" kern="1200">
          <a:solidFill>
            <a:schemeClr val="tx1"/>
          </a:solidFill>
          <a:latin typeface="+mn-lt"/>
          <a:ea typeface="+mn-ea"/>
          <a:cs typeface="+mn-cs"/>
        </a:defRPr>
      </a:lvl7pPr>
      <a:lvl8pPr marL="2260443" algn="l" defTabSz="645841" rtl="0" eaLnBrk="1" latinLnBrk="0" hangingPunct="1">
        <a:defRPr sz="1271" kern="1200">
          <a:solidFill>
            <a:schemeClr val="tx1"/>
          </a:solidFill>
          <a:latin typeface="+mn-lt"/>
          <a:ea typeface="+mn-ea"/>
          <a:cs typeface="+mn-cs"/>
        </a:defRPr>
      </a:lvl8pPr>
      <a:lvl9pPr marL="2583363" algn="l" defTabSz="645841" rtl="0" eaLnBrk="1" latinLnBrk="0" hangingPunct="1">
        <a:defRPr sz="1271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7.jp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.xml"/><Relationship Id="rId6" Type="http://schemas.openxmlformats.org/officeDocument/2006/relationships/image" Target="../media/image6.png"/><Relationship Id="rId5" Type="http://schemas.openxmlformats.org/officeDocument/2006/relationships/image" Target="../media/image5.jpg"/><Relationship Id="rId4" Type="http://schemas.openxmlformats.org/officeDocument/2006/relationships/image" Target="../media/image4.jp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1025"/>
          <p:cNvSpPr/>
          <p:nvPr/>
        </p:nvSpPr>
        <p:spPr>
          <a:xfrm>
            <a:off x="7963" y="0"/>
            <a:ext cx="15103426" cy="4141466"/>
          </a:xfrm>
          <a:prstGeom prst="rect">
            <a:avLst/>
          </a:prstGeom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Rectangle 6"/>
          <p:cNvSpPr/>
          <p:nvPr/>
        </p:nvSpPr>
        <p:spPr>
          <a:xfrm>
            <a:off x="317970" y="152234"/>
            <a:ext cx="14509245" cy="185320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US" sz="3814" b="1" dirty="0">
                <a:solidFill>
                  <a:schemeClr val="bg1"/>
                </a:solidFill>
                <a:latin typeface="+mj-lt"/>
                <a:ea typeface="SimSun" panose="02010600030101010101" pitchFamily="2" charset="-122"/>
                <a:cs typeface="Arial" panose="020B0604020202020204" pitchFamily="34" charset="0"/>
              </a:rPr>
              <a:t>No association between ultrasound findings and symptoms in athletes with patellar tendinopathy performing exercise therapy </a:t>
            </a:r>
            <a:endParaRPr lang="en-US" sz="3814" dirty="0">
              <a:solidFill>
                <a:schemeClr val="bg1"/>
              </a:solidFill>
              <a:latin typeface="+mj-lt"/>
              <a:ea typeface="SimSun" panose="02010600030101010101" pitchFamily="2" charset="-122"/>
              <a:cs typeface="Arial" panose="020B0604020202020204" pitchFamily="34" charset="0"/>
            </a:endParaRPr>
          </a:p>
        </p:txBody>
      </p:sp>
      <p:sp>
        <p:nvSpPr>
          <p:cNvPr id="8" name="Rectangle 7"/>
          <p:cNvSpPr/>
          <p:nvPr/>
        </p:nvSpPr>
        <p:spPr>
          <a:xfrm>
            <a:off x="3598273" y="2212742"/>
            <a:ext cx="8913635" cy="4401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Bef>
                <a:spcPts val="0"/>
              </a:spcBef>
              <a:spcAft>
                <a:spcPts val="0"/>
              </a:spcAft>
            </a:pPr>
            <a:r>
              <a:rPr lang="nl-NL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Deng J</a:t>
            </a:r>
            <a:r>
              <a:rPr lang="nl-NL" sz="2260" baseline="3000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1,2</a:t>
            </a:r>
            <a:r>
              <a:rPr lang="nl-NL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, Breda SJ</a:t>
            </a:r>
            <a:r>
              <a:rPr lang="nl-NL" sz="2260" baseline="3000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1,2</a:t>
            </a:r>
            <a:r>
              <a:rPr lang="nl-NL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, Eygendaal D</a:t>
            </a:r>
            <a:r>
              <a:rPr lang="nl-NL" sz="2260" baseline="3000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1</a:t>
            </a:r>
            <a:r>
              <a:rPr lang="nl-NL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, </a:t>
            </a:r>
            <a:r>
              <a:rPr lang="nl-NL" sz="2260" baseline="3000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 </a:t>
            </a:r>
            <a:r>
              <a:rPr lang="nl-NL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de Vos RJ</a:t>
            </a:r>
            <a:r>
              <a:rPr lang="nl-NL" sz="2260" baseline="3000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1</a:t>
            </a:r>
            <a:r>
              <a:rPr lang="nl-NL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, Oei EHG</a:t>
            </a:r>
            <a:r>
              <a:rPr lang="nl-NL" sz="2260" baseline="3000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Times New Roman" panose="02020603050405020304" pitchFamily="18" charset="0"/>
              </a:rPr>
              <a:t>2</a:t>
            </a:r>
            <a:endParaRPr lang="en-US" sz="2260" dirty="0">
              <a:solidFill>
                <a:schemeClr val="bg1"/>
              </a:solidFill>
              <a:latin typeface="+mn-lt"/>
              <a:ea typeface="SimSun" panose="02010600030101010101" pitchFamily="2" charset="-122"/>
              <a:cs typeface="Times New Roman" panose="02020603050405020304" pitchFamily="18" charset="0"/>
            </a:endParaRPr>
          </a:p>
        </p:txBody>
      </p:sp>
      <p:sp>
        <p:nvSpPr>
          <p:cNvPr id="9" name="Rectangle 8"/>
          <p:cNvSpPr/>
          <p:nvPr/>
        </p:nvSpPr>
        <p:spPr>
          <a:xfrm>
            <a:off x="1075360" y="2689401"/>
            <a:ext cx="12994463" cy="148348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US" sz="2260" baseline="3000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Calibri" panose="020F0502020204030204" pitchFamily="34" charset="0"/>
              </a:rPr>
              <a:t>1</a:t>
            </a:r>
            <a:r>
              <a:rPr lang="en-US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Calibri" panose="020F0502020204030204" pitchFamily="34" charset="0"/>
              </a:rPr>
              <a:t>Department</a:t>
            </a:r>
            <a:r>
              <a:rPr lang="en-GB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Calibri" panose="020F0502020204030204" pitchFamily="34" charset="0"/>
              </a:rPr>
              <a:t> of </a:t>
            </a:r>
            <a:r>
              <a:rPr lang="en-US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Calibri" panose="020F0502020204030204" pitchFamily="34" charset="0"/>
              </a:rPr>
              <a:t>Orthopedics and Sports Medicine, Erasmus MC University Medical Center, Rotterdam, the Netherlands </a:t>
            </a:r>
            <a:endParaRPr lang="en-US" sz="2260" dirty="0">
              <a:solidFill>
                <a:schemeClr val="bg1"/>
              </a:solidFill>
              <a:latin typeface="+mn-lt"/>
              <a:ea typeface="SimSun" panose="02010600030101010101" pitchFamily="2" charset="-122"/>
              <a:cs typeface="Times New Roman" panose="02020603050405020304" pitchFamily="18" charset="0"/>
            </a:endParaRPr>
          </a:p>
          <a:p>
            <a:pPr algn="ctr">
              <a:spcBef>
                <a:spcPts val="0"/>
              </a:spcBef>
              <a:spcAft>
                <a:spcPts val="0"/>
              </a:spcAft>
            </a:pPr>
            <a:r>
              <a:rPr lang="en-GB" sz="2260" baseline="3000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Calibri" panose="020F0502020204030204" pitchFamily="34" charset="0"/>
              </a:rPr>
              <a:t>2</a:t>
            </a:r>
            <a:r>
              <a:rPr lang="en-US" sz="2260" dirty="0">
                <a:solidFill>
                  <a:schemeClr val="bg1"/>
                </a:solidFill>
                <a:latin typeface="+mn-lt"/>
                <a:ea typeface="SimSun" panose="02010600030101010101" pitchFamily="2" charset="-122"/>
                <a:cs typeface="Calibri" panose="020F0502020204030204" pitchFamily="34" charset="0"/>
              </a:rPr>
              <a:t>Department of Radiology and Nuclear Medicine, Erasmus MC University Medical Center, Rotterdam, The Netherlands</a:t>
            </a:r>
          </a:p>
        </p:txBody>
      </p:sp>
      <p:sp>
        <p:nvSpPr>
          <p:cNvPr id="12" name="TextBox 11"/>
          <p:cNvSpPr txBox="1"/>
          <p:nvPr/>
        </p:nvSpPr>
        <p:spPr>
          <a:xfrm>
            <a:off x="398726" y="5016177"/>
            <a:ext cx="7000993" cy="139653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ea typeface="Arial" charset="0"/>
                <a:cs typeface="Calibri" panose="020F0502020204030204" pitchFamily="34" charset="0"/>
              </a:rPr>
              <a:t>Baseline ultrasound findings were not associated with the 24-week change in symptoms in athletes with patellar tendinopathy performing exercise therapy.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ea typeface="Arial" charset="0"/>
                <a:cs typeface="Calibri" panose="020F0502020204030204" pitchFamily="34" charset="0"/>
              </a:rPr>
              <a:t>Change in ultrasound findings was not associated with the change in clinical improvement during 24 weeks. </a:t>
            </a:r>
          </a:p>
        </p:txBody>
      </p:sp>
      <p:sp>
        <p:nvSpPr>
          <p:cNvPr id="3" name="TextBox 2"/>
          <p:cNvSpPr txBox="1"/>
          <p:nvPr/>
        </p:nvSpPr>
        <p:spPr>
          <a:xfrm>
            <a:off x="398726" y="4486981"/>
            <a:ext cx="7039744" cy="483659"/>
          </a:xfrm>
          <a:prstGeom prst="rect">
            <a:avLst/>
          </a:prstGeom>
        </p:spPr>
        <p:style>
          <a:lnRef idx="1">
            <a:schemeClr val="accent4"/>
          </a:lnRef>
          <a:fillRef idx="2">
            <a:schemeClr val="accent4"/>
          </a:fillRef>
          <a:effectRef idx="1">
            <a:schemeClr val="accent4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pPr algn="ctr"/>
            <a:r>
              <a:rPr lang="en-US" sz="2543" b="1" dirty="0">
                <a:ea typeface="Arial" charset="0"/>
                <a:cs typeface="Arial" charset="0"/>
              </a:rPr>
              <a:t>Summary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398726" y="6479940"/>
            <a:ext cx="7039744" cy="483659"/>
          </a:xfrm>
          <a:prstGeom prst="rect">
            <a:avLst/>
          </a:prstGeom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pPr algn="ctr"/>
            <a:r>
              <a:rPr lang="en-US" sz="2543" b="1" dirty="0">
                <a:ea typeface="Arial" charset="0"/>
                <a:cs typeface="Arial" charset="0"/>
              </a:rPr>
              <a:t>Background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398726" y="6952768"/>
            <a:ext cx="6634608" cy="296158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cs typeface="Calibri" panose="020F0502020204030204" pitchFamily="34" charset="0"/>
              </a:rPr>
              <a:t>Exercise therapy remains the first-line conservative treatment in patellar tendinopathy[1]. However, around 20% of the patients do not experience a clinically relevant improvement after 24 weeks of exercise therapy[2].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cs typeface="Calibri" panose="020F0502020204030204" pitchFamily="34" charset="0"/>
              </a:rPr>
              <a:t>Conventional ultrasound has gained tremendous popularity in musculoskeletal care. It is used to assist in diagnosis, estimating prognosis and monitoring treatment response[3-4].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ea typeface="Arial" charset="0"/>
                <a:cs typeface="Calibri" panose="020F0502020204030204" pitchFamily="34" charset="0"/>
              </a:rPr>
              <a:t>There is a lack of evidence on:</a:t>
            </a:r>
          </a:p>
          <a:p>
            <a:pPr marL="403650" indent="-403650">
              <a:buFont typeface="+mj-lt"/>
              <a:buAutoNum type="arabicParenR"/>
            </a:pPr>
            <a:r>
              <a:rPr lang="en-US" sz="1695" dirty="0">
                <a:ea typeface="Arial" charset="0"/>
                <a:cs typeface="Calibri" panose="020F0502020204030204" pitchFamily="34" charset="0"/>
              </a:rPr>
              <a:t>the role of US findings in predicting the course of symptoms.</a:t>
            </a:r>
          </a:p>
          <a:p>
            <a:pPr marL="403650" indent="-403650">
              <a:buFont typeface="+mj-lt"/>
              <a:buAutoNum type="arabicParenR"/>
            </a:pPr>
            <a:r>
              <a:rPr lang="en-US" sz="1695" dirty="0">
                <a:cs typeface="Calibri" panose="020F0502020204030204" pitchFamily="34" charset="0"/>
              </a:rPr>
              <a:t>the association between the change in US findings and change in clinical symptoms during exercise therapy.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398726" y="12445557"/>
            <a:ext cx="7039744" cy="483659"/>
          </a:xfrm>
          <a:prstGeom prst="rect">
            <a:avLst/>
          </a:prstGeom>
          <a:solidFill>
            <a:srgbClr val="FFCC00"/>
          </a:solidFill>
          <a:ln>
            <a:solidFill>
              <a:srgbClr val="FFC000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sz="2543" b="1" dirty="0">
                <a:latin typeface="+mn-lt"/>
                <a:ea typeface="Arial" charset="0"/>
                <a:cs typeface="Arial" charset="0"/>
              </a:rPr>
              <a:t>Methods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395568" y="12961414"/>
            <a:ext cx="6905095" cy="348326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ea typeface="Arial" charset="0"/>
                <a:cs typeface="Calibri" panose="020F0502020204030204" pitchFamily="34" charset="0"/>
              </a:rPr>
              <a:t>We used prospective data from a randomized controlled trial that evaluated the effectiveness of exercise therapies in athletes with patellar tendinopathy[2].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ea typeface="Arial" charset="0"/>
                <a:cs typeface="Calibri" panose="020F0502020204030204" pitchFamily="34" charset="0"/>
              </a:rPr>
              <a:t>Patellar tendon anteroposterior thickness, intratendinous calcifications, patella erosions, and gradation of Doppler flow using power Doppler ultrasound were collected at baseline,12 and 24 weeks.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ea typeface="Arial" charset="0"/>
                <a:cs typeface="Calibri" panose="020F0502020204030204" pitchFamily="34" charset="0"/>
              </a:rPr>
              <a:t>The VISA-P questionnaire was used to assess symptom severity.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ea typeface="Arial" charset="0"/>
                <a:cs typeface="Calibri" panose="020F0502020204030204" pitchFamily="34" charset="0"/>
              </a:rPr>
              <a:t>Linear mixed-effect models were used to detect the prognostic value of ultrasound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ea typeface="Arial" charset="0"/>
                <a:cs typeface="Calibri" panose="020F0502020204030204" pitchFamily="34" charset="0"/>
              </a:rPr>
              <a:t>Multiple linear regression models were used to assess the association between changes in ultrasound findings and change in VISA-P during 24 weeks.</a:t>
            </a:r>
          </a:p>
          <a:p>
            <a:endParaRPr lang="en-US" sz="1695" dirty="0">
              <a:ea typeface="Arial" charset="0"/>
              <a:cs typeface="Calibri" panose="020F0502020204030204" pitchFamily="34" charset="0"/>
            </a:endParaRPr>
          </a:p>
        </p:txBody>
      </p:sp>
      <p:sp>
        <p:nvSpPr>
          <p:cNvPr id="16" name="TextBox 15"/>
          <p:cNvSpPr txBox="1"/>
          <p:nvPr/>
        </p:nvSpPr>
        <p:spPr>
          <a:xfrm>
            <a:off x="359975" y="10123506"/>
            <a:ext cx="7039744" cy="483659"/>
          </a:xfrm>
          <a:prstGeom prst="rect">
            <a:avLst/>
          </a:prstGeom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wrap="square" rtlCol="0">
            <a:spAutoFit/>
          </a:bodyPr>
          <a:lstStyle/>
          <a:p>
            <a:pPr algn="ctr"/>
            <a:r>
              <a:rPr lang="en-US" sz="2543" b="1" dirty="0">
                <a:ea typeface="Arial" charset="0"/>
                <a:cs typeface="Arial" charset="0"/>
              </a:rPr>
              <a:t>Aims</a:t>
            </a:r>
          </a:p>
        </p:txBody>
      </p:sp>
      <p:sp>
        <p:nvSpPr>
          <p:cNvPr id="17" name="TextBox 16"/>
          <p:cNvSpPr txBox="1"/>
          <p:nvPr/>
        </p:nvSpPr>
        <p:spPr>
          <a:xfrm>
            <a:off x="398726" y="10620090"/>
            <a:ext cx="6634608" cy="16573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cs typeface="Calibri" panose="020F0502020204030204" pitchFamily="34" charset="0"/>
              </a:rPr>
              <a:t>To investigate whether baseline ultrasound findings are associated with the course of symptom severity during 24 weeks in athletes with patellar tendinopathy performing exercise therapy. 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>
                <a:cs typeface="Calibri" panose="020F0502020204030204" pitchFamily="34" charset="0"/>
              </a:rPr>
              <a:t>To assess whether 24-week changes in ultrasound findings were associated with 24-week changes in symptom severity.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endParaRPr lang="en-US" sz="1695" dirty="0">
              <a:cs typeface="Calibri" panose="020F0502020204030204" pitchFamily="34" charset="0"/>
            </a:endParaRPr>
          </a:p>
        </p:txBody>
      </p:sp>
      <p:sp>
        <p:nvSpPr>
          <p:cNvPr id="18" name="TextBox 17"/>
          <p:cNvSpPr txBox="1"/>
          <p:nvPr/>
        </p:nvSpPr>
        <p:spPr>
          <a:xfrm>
            <a:off x="7723791" y="4491535"/>
            <a:ext cx="7039744" cy="483659"/>
          </a:xfrm>
          <a:prstGeom prst="rect">
            <a:avLst/>
          </a:prstGeom>
          <a:solidFill>
            <a:srgbClr val="00B050"/>
          </a:solidFill>
          <a:ln>
            <a:solidFill>
              <a:srgbClr val="006600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sz="2543" b="1" dirty="0">
                <a:latin typeface="+mn-lt"/>
                <a:ea typeface="Arial" charset="0"/>
                <a:cs typeface="Arial" charset="0"/>
              </a:rPr>
              <a:t>Results</a:t>
            </a:r>
          </a:p>
        </p:txBody>
      </p:sp>
      <p:sp>
        <p:nvSpPr>
          <p:cNvPr id="19" name="TextBox 18"/>
          <p:cNvSpPr txBox="1"/>
          <p:nvPr/>
        </p:nvSpPr>
        <p:spPr>
          <a:xfrm>
            <a:off x="7882159" y="5044283"/>
            <a:ext cx="6550255" cy="16573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/>
              <a:t>76 patients were included (mean age, 25 years; 58 male)</a:t>
            </a:r>
            <a:r>
              <a:rPr lang="en-US" sz="1695" dirty="0">
                <a:cs typeface="Calibri" panose="020F0502020204030204" pitchFamily="34" charset="0"/>
              </a:rPr>
              <a:t>.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/>
              <a:t>None of the baseline ultrasound findings were associated with VISA-P improvement over 24 weeks (all </a:t>
            </a:r>
            <a:r>
              <a:rPr lang="en-US" sz="1695" dirty="0" err="1"/>
              <a:t>P</a:t>
            </a:r>
            <a:r>
              <a:rPr lang="en-US" sz="1413" dirty="0" err="1"/>
              <a:t>interaction</a:t>
            </a:r>
            <a:r>
              <a:rPr lang="en-US" sz="1695" dirty="0"/>
              <a:t> &gt; 0.05)</a:t>
            </a:r>
          </a:p>
          <a:p>
            <a:pPr marL="403650" indent="-403650">
              <a:buFont typeface="Arial" panose="020B0604020202020204" pitchFamily="34" charset="0"/>
              <a:buChar char="•"/>
            </a:pPr>
            <a:r>
              <a:rPr lang="en-US" sz="1695" dirty="0"/>
              <a:t>24-week changes in ultrasound findings were not significantly associated with 24-week changes in VISA-P after adjustments (all P &gt; 0.05). </a:t>
            </a:r>
          </a:p>
        </p:txBody>
      </p:sp>
      <p:sp>
        <p:nvSpPr>
          <p:cNvPr id="20" name="TextBox 19"/>
          <p:cNvSpPr txBox="1"/>
          <p:nvPr/>
        </p:nvSpPr>
        <p:spPr>
          <a:xfrm>
            <a:off x="7723791" y="12466889"/>
            <a:ext cx="7039744" cy="483659"/>
          </a:xfrm>
          <a:prstGeom prst="rect">
            <a:avLst/>
          </a:prstGeom>
          <a:solidFill>
            <a:srgbClr val="00B0F0"/>
          </a:solidFill>
          <a:ln>
            <a:solidFill>
              <a:srgbClr val="0070C0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sz="2543" b="1" dirty="0">
                <a:latin typeface="+mn-lt"/>
                <a:ea typeface="Arial" charset="0"/>
                <a:cs typeface="Arial" charset="0"/>
              </a:rPr>
              <a:t>Implications for practice</a:t>
            </a:r>
          </a:p>
        </p:txBody>
      </p:sp>
      <p:sp>
        <p:nvSpPr>
          <p:cNvPr id="21" name="TextBox 20"/>
          <p:cNvSpPr txBox="1"/>
          <p:nvPr/>
        </p:nvSpPr>
        <p:spPr>
          <a:xfrm>
            <a:off x="7823423" y="13180438"/>
            <a:ext cx="6634608" cy="11356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95" dirty="0"/>
              <a:t>Our results do not support using findings from conventional ultrasound to estimate </a:t>
            </a:r>
            <a:r>
              <a:rPr lang="en-US" sz="1695"/>
              <a:t>prognosis for </a:t>
            </a:r>
            <a:r>
              <a:rPr lang="en-US" sz="1695" dirty="0"/>
              <a:t>athletes with patellar tendinopathy, nor does it support that clinical improvement during exercise therapy is associated with changes in ultrasound findings. </a:t>
            </a:r>
            <a:endParaRPr lang="en-US" sz="1695" dirty="0">
              <a:cs typeface="Calibri" panose="020F0502020204030204" pitchFamily="34" charset="0"/>
            </a:endParaRPr>
          </a:p>
        </p:txBody>
      </p:sp>
      <p:sp>
        <p:nvSpPr>
          <p:cNvPr id="22" name="TextBox 21"/>
          <p:cNvSpPr txBox="1"/>
          <p:nvPr/>
        </p:nvSpPr>
        <p:spPr>
          <a:xfrm>
            <a:off x="7723791" y="14622619"/>
            <a:ext cx="7039744" cy="483659"/>
          </a:xfrm>
          <a:prstGeom prst="rect">
            <a:avLst/>
          </a:prstGeom>
          <a:solidFill>
            <a:srgbClr val="FF99FF"/>
          </a:solidFill>
          <a:ln>
            <a:solidFill>
              <a:srgbClr val="CC00FF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en-US" sz="2543" b="1" dirty="0">
                <a:latin typeface="+mn-lt"/>
                <a:ea typeface="Arial" charset="0"/>
                <a:cs typeface="Arial" charset="0"/>
              </a:rPr>
              <a:t>References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7913596" y="15283274"/>
            <a:ext cx="6465902" cy="348326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95" dirty="0"/>
              <a:t>[1] Millar NL, </a:t>
            </a:r>
            <a:r>
              <a:rPr lang="en-US" sz="1695" dirty="0" err="1"/>
              <a:t>Silbernagel</a:t>
            </a:r>
            <a:r>
              <a:rPr lang="en-US" sz="1695" dirty="0"/>
              <a:t> KG, </a:t>
            </a:r>
            <a:r>
              <a:rPr lang="en-US" sz="1695" dirty="0" err="1"/>
              <a:t>Thorborg</a:t>
            </a:r>
            <a:r>
              <a:rPr lang="en-US" sz="1695" dirty="0"/>
              <a:t> K, Kirwan PD, Galatz LM, Abrams GD, et al. Tendinopathy. Nat Rev Dis Primers. 2021;7(1):1.</a:t>
            </a:r>
          </a:p>
          <a:p>
            <a:r>
              <a:rPr lang="en-US" sz="1695" dirty="0"/>
              <a:t>[2] </a:t>
            </a:r>
            <a:r>
              <a:rPr lang="nl-NL" sz="1695" dirty="0"/>
              <a:t>Breda SJ, Oei EHG, Zwerver J, Visser E, </a:t>
            </a:r>
            <a:r>
              <a:rPr lang="nl-NL" sz="1695" dirty="0" err="1"/>
              <a:t>Waarsing</a:t>
            </a:r>
            <a:r>
              <a:rPr lang="nl-NL" sz="1695" dirty="0"/>
              <a:t> E, </a:t>
            </a:r>
            <a:r>
              <a:rPr lang="nl-NL" sz="1695" dirty="0" err="1"/>
              <a:t>Krestin</a:t>
            </a:r>
            <a:r>
              <a:rPr lang="nl-NL" sz="1695" dirty="0"/>
              <a:t> GP, et al. </a:t>
            </a:r>
            <a:r>
              <a:rPr lang="en-US" sz="1695" dirty="0"/>
              <a:t>Effectiveness of progressive tendon-loading exercise therapy in patients with patellar tendinopathy: a </a:t>
            </a:r>
            <a:r>
              <a:rPr lang="en-US" sz="1695" dirty="0" err="1"/>
              <a:t>randomised</a:t>
            </a:r>
            <a:r>
              <a:rPr lang="en-US" sz="1695" dirty="0"/>
              <a:t> clinical trial. Br J Sports Med. 2021;55(9):501-9.</a:t>
            </a:r>
          </a:p>
          <a:p>
            <a:r>
              <a:rPr lang="en-US" sz="1695" dirty="0"/>
              <a:t>[3] Docking SI, </a:t>
            </a:r>
            <a:r>
              <a:rPr lang="en-US" sz="1695" dirty="0" err="1"/>
              <a:t>Ooi</a:t>
            </a:r>
            <a:r>
              <a:rPr lang="en-US" sz="1695" dirty="0"/>
              <a:t> CC, Connell D. Tendinopathy: Is Imaging Telling Us the Entire Story? J </a:t>
            </a:r>
            <a:r>
              <a:rPr lang="en-US" sz="1695" dirty="0" err="1"/>
              <a:t>Orthop</a:t>
            </a:r>
            <a:r>
              <a:rPr lang="en-US" sz="1695" dirty="0"/>
              <a:t> Sports </a:t>
            </a:r>
            <a:r>
              <a:rPr lang="en-US" sz="1695" dirty="0" err="1"/>
              <a:t>Phys</a:t>
            </a:r>
            <a:r>
              <a:rPr lang="en-US" sz="1695" dirty="0"/>
              <a:t> </a:t>
            </a:r>
            <a:r>
              <a:rPr lang="en-US" sz="1695" dirty="0" err="1"/>
              <a:t>Ther</a:t>
            </a:r>
            <a:r>
              <a:rPr lang="en-US" sz="1695" dirty="0"/>
              <a:t>. 2015;45(11):842-52.</a:t>
            </a:r>
          </a:p>
          <a:p>
            <a:r>
              <a:rPr lang="en-US" sz="1695" dirty="0"/>
              <a:t>[4] </a:t>
            </a:r>
            <a:r>
              <a:rPr lang="en-US" sz="1695" dirty="0" err="1"/>
              <a:t>Rabello</a:t>
            </a:r>
            <a:r>
              <a:rPr lang="en-US" sz="1695" dirty="0"/>
              <a:t> LM, van den </a:t>
            </a:r>
            <a:r>
              <a:rPr lang="en-US" sz="1695" dirty="0" err="1"/>
              <a:t>Akker-Scheek</a:t>
            </a:r>
            <a:r>
              <a:rPr lang="en-US" sz="1695" dirty="0"/>
              <a:t> I, Brink MS, Maas M, </a:t>
            </a:r>
            <a:r>
              <a:rPr lang="en-US" sz="1695" dirty="0" err="1"/>
              <a:t>Diercks</a:t>
            </a:r>
            <a:r>
              <a:rPr lang="en-US" sz="1695" dirty="0"/>
              <a:t> RL, </a:t>
            </a:r>
            <a:r>
              <a:rPr lang="en-US" sz="1695" dirty="0" err="1"/>
              <a:t>Zwerver</a:t>
            </a:r>
            <a:r>
              <a:rPr lang="en-US" sz="1695" dirty="0"/>
              <a:t> J. Association Between Clinical and Imaging Outcomes After Therapeutic Loading Exercise in Patients Diagnosed With Achilles or Patellar Tendinopathy at Short- and Long-Term Follow-up: A Systematic Review. </a:t>
            </a:r>
            <a:r>
              <a:rPr lang="en-US" sz="1695" dirty="0" err="1"/>
              <a:t>Clin</a:t>
            </a:r>
            <a:r>
              <a:rPr lang="en-US" sz="1695" dirty="0"/>
              <a:t> J Sport Med. 2020;30(4):390-403.</a:t>
            </a:r>
          </a:p>
        </p:txBody>
      </p:sp>
      <p:pic>
        <p:nvPicPr>
          <p:cNvPr id="23" name="Picture 2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4856" y="16270074"/>
            <a:ext cx="6560605" cy="5221525"/>
          </a:xfrm>
          <a:prstGeom prst="rect">
            <a:avLst/>
          </a:prstGeom>
        </p:spPr>
      </p:pic>
      <p:sp>
        <p:nvSpPr>
          <p:cNvPr id="28" name="Rectangle 2"/>
          <p:cNvSpPr>
            <a:spLocks noChangeArrowheads="1"/>
          </p:cNvSpPr>
          <p:nvPr/>
        </p:nvSpPr>
        <p:spPr bwMode="auto">
          <a:xfrm>
            <a:off x="6798335" y="19046819"/>
            <a:ext cx="19839103" cy="34221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64585" tIns="32292" rIns="64585" bIns="32292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US"/>
          </a:p>
        </p:txBody>
      </p:sp>
      <p:sp>
        <p:nvSpPr>
          <p:cNvPr id="29" name="TextBox 28"/>
          <p:cNvSpPr txBox="1"/>
          <p:nvPr/>
        </p:nvSpPr>
        <p:spPr>
          <a:xfrm>
            <a:off x="7882159" y="20643376"/>
            <a:ext cx="3626751" cy="87485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en-US" sz="1695" b="1" dirty="0">
                <a:ea typeface="Arial" charset="0"/>
                <a:cs typeface="Arial" charset="0"/>
              </a:rPr>
              <a:t>Jie Deng, MD</a:t>
            </a:r>
          </a:p>
          <a:p>
            <a:r>
              <a:rPr lang="en-US" sz="1695" b="1" dirty="0">
                <a:ea typeface="Arial" charset="0"/>
                <a:cs typeface="Arial" charset="0"/>
              </a:rPr>
              <a:t>https://twitter.com/jiedeng5</a:t>
            </a:r>
          </a:p>
          <a:p>
            <a:pPr algn="l"/>
            <a:endParaRPr lang="en-US" sz="1695" b="1" dirty="0">
              <a:ea typeface="Arial" charset="0"/>
              <a:cs typeface="Arial" charset="0"/>
            </a:endParaRP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12433" y="6795855"/>
            <a:ext cx="5489708" cy="5489708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876471" y="18711199"/>
            <a:ext cx="3950744" cy="2420945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13596" y="18880022"/>
            <a:ext cx="1669147" cy="176335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9187551"/>
      </p:ext>
    </p:extLst>
  </p:cSld>
  <p:clrMapOvr>
    <a:masterClrMapping/>
  </p:clrMapOvr>
</p:sld>
</file>

<file path=ppt/theme/theme1.xml><?xml version="1.0" encoding="utf-8"?>
<a:theme xmlns:a="http://schemas.openxmlformats.org/drawingml/2006/main" name="Erasmus MC">
  <a:themeElements>
    <a:clrScheme name="Violet">
      <a:dk1>
        <a:sysClr val="windowText" lastClr="000000"/>
      </a:dk1>
      <a:lt1>
        <a:sysClr val="window" lastClr="FFFFFF"/>
      </a:lt1>
      <a:dk2>
        <a:srgbClr val="373545"/>
      </a:dk2>
      <a:lt2>
        <a:srgbClr val="DCD8DC"/>
      </a:lt2>
      <a:accent1>
        <a:srgbClr val="AD84C6"/>
      </a:accent1>
      <a:accent2>
        <a:srgbClr val="8784C7"/>
      </a:accent2>
      <a:accent3>
        <a:srgbClr val="5D739A"/>
      </a:accent3>
      <a:accent4>
        <a:srgbClr val="6997AF"/>
      </a:accent4>
      <a:accent5>
        <a:srgbClr val="84ACB6"/>
      </a:accent5>
      <a:accent6>
        <a:srgbClr val="6F8183"/>
      </a:accent6>
      <a:hlink>
        <a:srgbClr val="69A020"/>
      </a:hlink>
      <a:folHlink>
        <a:srgbClr val="8C8C8C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812049783323477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2A40761F-85AA-4702-A927-F8420881183F}">
  <ds:schemaRefs/>
</ds:datastoreItem>
</file>

<file path=customXml/itemProps2.xml><?xml version="1.0" encoding="utf-8"?>
<ds:datastoreItem xmlns:ds="http://schemas.openxmlformats.org/officeDocument/2006/customXml" ds:itemID="{3A6AFD18-F5BE-480E-BC9A-B400BFFC72A6}">
  <ds:schemaRefs/>
</ds:datastoreItem>
</file>

<file path=customXml/itemProps3.xml><?xml version="1.0" encoding="utf-8"?>
<ds:datastoreItem xmlns:ds="http://schemas.openxmlformats.org/officeDocument/2006/customXml" ds:itemID="{2199C647-B858-47F4-AD49-330F0EFA1381}">
  <ds:schemaRefs/>
</ds:datastoreItem>
</file>

<file path=customXml/itemProps4.xml><?xml version="1.0" encoding="utf-8"?>
<ds:datastoreItem xmlns:ds="http://schemas.openxmlformats.org/officeDocument/2006/customXml" ds:itemID="{89874F8B-1F31-46CD-B67E-9166E658CE7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622</Words>
  <Application>Microsoft Office PowerPoint</Application>
  <PresentationFormat>Custom</PresentationFormat>
  <Paragraphs>35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7" baseType="lpstr">
      <vt:lpstr>SimSun</vt:lpstr>
      <vt:lpstr>Arial</vt:lpstr>
      <vt:lpstr>Arial Black</vt:lpstr>
      <vt:lpstr>Calibri</vt:lpstr>
      <vt:lpstr>Times New Roman</vt:lpstr>
      <vt:lpstr>Erasmus MC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7-31T14:31:57Z</dcterms:created>
  <dcterms:modified xsi:type="dcterms:W3CDTF">2023-09-22T09:04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7738034885943245</vt:lpwstr>
  </property>
  <property fmtid="{D5CDD505-2E9C-101B-9397-08002B2CF9AE}" pid="6" name="TemplafyFromBlank">
    <vt:bool>true</vt:bool>
  </property>
</Properties>
</file>